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3462" autoAdjust="0"/>
  </p:normalViewPr>
  <p:slideViewPr>
    <p:cSldViewPr snapToGrid="0">
      <p:cViewPr varScale="1">
        <p:scale>
          <a:sx n="100" d="100"/>
          <a:sy n="100" d="100"/>
        </p:scale>
        <p:origin x="1008" y="7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5-8-2025</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5-8-2025</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ostzaa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embleem, symbool&#10;&#10;Door AI gegenereerde inhoud is mogelijk onjuist.">
            <a:extLst>
              <a:ext uri="{FF2B5EF4-FFF2-40B4-BE49-F238E27FC236}">
                <a16:creationId xmlns:a16="http://schemas.microsoft.com/office/drawing/2014/main" id="{F13B4156-7A3E-15EB-8A50-24074500988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9632" y="4715217"/>
            <a:ext cx="2165443" cy="192291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embleem, symbool&#10;&#10;Door AI gegenereerde inhoud is mogelijk onjuist.">
            <a:extLst>
              <a:ext uri="{FF2B5EF4-FFF2-40B4-BE49-F238E27FC236}">
                <a16:creationId xmlns:a16="http://schemas.microsoft.com/office/drawing/2014/main" id="{E047E0AA-C80D-5C7D-B3D0-B373883883F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4633" y="4151095"/>
            <a:ext cx="1346292" cy="119550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5-08-25T06:10:00Z</dcterms:modified>
</cp:coreProperties>
</file>